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変更届出書\"/>
    </mc:Choice>
  </mc:AlternateContent>
  <xr:revisionPtr revIDLastSave="0" documentId="8_{E2638C55-A113-4660-8525-476FB25F99C2}" xr6:coauthVersionLast="36" xr6:coauthVersionMax="36" xr10:uidLastSave="{00000000-0000-0000-0000-000000000000}"/>
  <bookViews>
    <workbookView xWindow="0" yWindow="0" windowWidth="20490" windowHeight="7455" xr2:uid="{0196E342-A700-4602-9BCB-FCD50D3043B3}"/>
  </bookViews>
  <sheets>
    <sheet name="別紙様式第三号（三）" sheetId="2" r:id="rId1"/>
  </sheets>
  <definedNames>
    <definedName name="_xlnm.Print_Area" localSheetId="0">'別紙様式第三号（三）'!$A$1:$AJ$5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5"/>
  </si>
  <si>
    <t>備考</t>
    <rPh sb="0" eb="2">
      <t>ビコウ</t>
    </rPh>
    <phoneticPr fontId="5"/>
  </si>
  <si>
    <t>日</t>
    <rPh sb="0" eb="1">
      <t>ニチ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～</t>
    <phoneticPr fontId="5"/>
  </si>
  <si>
    <t>休止日</t>
    <rPh sb="0" eb="2">
      <t>キュウシ</t>
    </rPh>
    <rPh sb="2" eb="3">
      <t>ビ</t>
    </rPh>
    <phoneticPr fontId="5"/>
  </si>
  <si>
    <t>休止予定期間</t>
    <rPh sb="0" eb="2">
      <t>キュウシ</t>
    </rPh>
    <rPh sb="2" eb="4">
      <t>ヨテイ</t>
    </rPh>
    <rPh sb="4" eb="6">
      <t>キカン</t>
    </rPh>
    <phoneticPr fontId="5"/>
  </si>
  <si>
    <t>現にサービスを
受けている者に対する措置</t>
    <rPh sb="0" eb="1">
      <t>ゲン</t>
    </rPh>
    <rPh sb="8" eb="9">
      <t>ウ</t>
    </rPh>
    <rPh sb="13" eb="14">
      <t>モノ</t>
    </rPh>
    <rPh sb="15" eb="16">
      <t>タイ</t>
    </rPh>
    <rPh sb="18" eb="20">
      <t>ソチ</t>
    </rPh>
    <phoneticPr fontId="5"/>
  </si>
  <si>
    <t>廃止・休止する理由</t>
    <rPh sb="0" eb="2">
      <t>ハイシ</t>
    </rPh>
    <rPh sb="3" eb="5">
      <t>キュウシ</t>
    </rPh>
    <rPh sb="7" eb="9">
      <t>リユウ</t>
    </rPh>
    <phoneticPr fontId="5"/>
  </si>
  <si>
    <t>日</t>
    <rPh sb="0" eb="1">
      <t>ヒ</t>
    </rPh>
    <phoneticPr fontId="5"/>
  </si>
  <si>
    <t>廃止・休止する年月日</t>
    <rPh sb="0" eb="2">
      <t>ハイシ</t>
    </rPh>
    <rPh sb="3" eb="5">
      <t>キュウシ</t>
    </rPh>
    <rPh sb="7" eb="10">
      <t>ネンガッピ</t>
    </rPh>
    <phoneticPr fontId="5"/>
  </si>
  <si>
    <t>休止</t>
    <rPh sb="0" eb="2">
      <t>キュウシ</t>
    </rPh>
    <phoneticPr fontId="5"/>
  </si>
  <si>
    <t>・</t>
    <phoneticPr fontId="5"/>
  </si>
  <si>
    <t>廃止</t>
    <rPh sb="0" eb="2">
      <t>ハイシ</t>
    </rPh>
    <phoneticPr fontId="5"/>
  </si>
  <si>
    <t>廃止・休止の別</t>
    <rPh sb="0" eb="2">
      <t>ハイシ</t>
    </rPh>
    <rPh sb="3" eb="5">
      <t>キュウシ</t>
    </rPh>
    <rPh sb="6" eb="7">
      <t>ベツ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廃止（休止）する事業所</t>
    <rPh sb="0" eb="2">
      <t>ハイシ</t>
    </rPh>
    <rPh sb="3" eb="5">
      <t>キュウシ</t>
    </rPh>
    <rPh sb="8" eb="11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沖縄市長殿</t>
    <rPh sb="0" eb="3">
      <t>オキナワシ</t>
    </rPh>
    <rPh sb="3" eb="4">
      <t>オサ</t>
    </rPh>
    <rPh sb="4" eb="5">
      <t>ドノ</t>
    </rPh>
    <phoneticPr fontId="5"/>
  </si>
  <si>
    <t>日</t>
  </si>
  <si>
    <t>月</t>
  </si>
  <si>
    <t>年</t>
  </si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5"/>
  </si>
  <si>
    <t>別紙様式第三号（三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90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2" fillId="0" borderId="0" xfId="1" applyNumberFormat="1" applyFont="1" applyBorder="1" applyAlignment="1">
      <alignment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4" fillId="2" borderId="1" xfId="1" applyNumberFormat="1" applyFont="1" applyFill="1" applyBorder="1" applyAlignment="1">
      <alignment horizontal="left" vertical="center"/>
    </xf>
    <xf numFmtId="49" fontId="2" fillId="0" borderId="2" xfId="1" applyNumberFormat="1" applyFont="1" applyBorder="1" applyAlignment="1">
      <alignment horizontal="center" vertical="center"/>
    </xf>
    <xf numFmtId="49" fontId="2" fillId="0" borderId="3" xfId="1" applyNumberFormat="1" applyFont="1" applyBorder="1" applyAlignment="1">
      <alignment horizontal="center" vertical="center"/>
    </xf>
    <xf numFmtId="49" fontId="4" fillId="2" borderId="3" xfId="1" applyNumberFormat="1" applyFont="1" applyFill="1" applyBorder="1" applyAlignment="1">
      <alignment horizontal="left" vertical="center"/>
    </xf>
    <xf numFmtId="49" fontId="2" fillId="0" borderId="5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7" xfId="1" applyNumberFormat="1" applyFont="1" applyBorder="1" applyAlignment="1">
      <alignment horizontal="center" vertical="center"/>
    </xf>
    <xf numFmtId="49" fontId="2" fillId="0" borderId="1" xfId="1" applyNumberFormat="1" applyFont="1" applyBorder="1" applyAlignment="1">
      <alignment horizontal="center" vertical="center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0" fontId="4" fillId="2" borderId="0" xfId="1" applyFont="1" applyFill="1" applyAlignment="1">
      <alignment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66F5E8EC-6121-4485-83B7-BCD2E82ECAF1}"/>
    <cellStyle name="標準_第１号様式・付表" xfId="1" xr:uid="{4C800D92-41F7-4301-9D0A-C1FB776ED707}"/>
    <cellStyle name="標準_付表　訪問介護　修正版_第一号様式 2" xfId="3" xr:uid="{C99BDD27-014F-4538-A45C-8B84601EB6D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7FA672-97A6-4E5C-A8A2-5150C1764E84}">
  <sheetPr>
    <pageSetUpPr fitToPage="1"/>
  </sheetPr>
  <dimension ref="A1:BV154"/>
  <sheetViews>
    <sheetView showGridLines="0" tabSelected="1" view="pageBreakPreview" zoomScale="85" zoomScaleNormal="90" zoomScaleSheetLayoutView="85" workbookViewId="0">
      <selection activeCell="BF19" sqref="BF19"/>
    </sheetView>
  </sheetViews>
  <sheetFormatPr defaultColWidth="2.5" defaultRowHeight="20.100000000000001" customHeight="1" x14ac:dyDescent="0.4"/>
  <cols>
    <col min="1" max="1" width="2.5" style="2" customWidth="1"/>
    <col min="2" max="36" width="2.5" style="1" customWidth="1"/>
    <col min="37" max="38" width="2.875" style="1" customWidth="1"/>
    <col min="39" max="16384" width="2.5" style="1"/>
  </cols>
  <sheetData>
    <row r="1" spans="1:74" ht="14.25" customHeight="1" x14ac:dyDescent="0.4">
      <c r="A1" s="2" t="s">
        <v>30</v>
      </c>
      <c r="P1" s="89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14.25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14.25" customHeight="1" x14ac:dyDescent="0.4">
      <c r="X3" s="53"/>
      <c r="Y3" s="53"/>
      <c r="Z3" s="53"/>
      <c r="AA3" s="53"/>
      <c r="AB3" s="53"/>
      <c r="AC3" s="53"/>
      <c r="AD3" s="53"/>
      <c r="AE3" s="53"/>
      <c r="AF3" s="53"/>
      <c r="AG3" s="53"/>
      <c r="AH3" s="53"/>
      <c r="AI3" s="53"/>
      <c r="AJ3" s="53"/>
      <c r="AK3" s="53"/>
      <c r="AL3" s="53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53"/>
      <c r="BK3" s="53"/>
      <c r="BL3" s="53"/>
      <c r="BN3" s="53"/>
      <c r="BO3" s="53"/>
      <c r="BP3" s="53"/>
      <c r="BQ3" s="53"/>
      <c r="BR3" s="53"/>
      <c r="BS3" s="53"/>
      <c r="BT3" s="53"/>
      <c r="BU3" s="53"/>
      <c r="BV3" s="53"/>
    </row>
    <row r="4" spans="1:74" ht="14.25" customHeight="1" x14ac:dyDescent="0.4">
      <c r="A4" s="87" t="s">
        <v>29</v>
      </c>
      <c r="B4" s="87"/>
      <c r="C4" s="87"/>
      <c r="D4" s="87"/>
      <c r="E4" s="87"/>
      <c r="F4" s="87"/>
      <c r="G4" s="87"/>
      <c r="H4" s="87"/>
      <c r="I4" s="87"/>
      <c r="J4" s="87"/>
      <c r="K4" s="87"/>
      <c r="L4" s="87"/>
      <c r="M4" s="87"/>
      <c r="N4" s="87"/>
      <c r="O4" s="87"/>
      <c r="P4" s="87"/>
      <c r="Q4" s="87"/>
      <c r="R4" s="87"/>
      <c r="S4" s="87"/>
      <c r="T4" s="87"/>
      <c r="U4" s="87"/>
      <c r="V4" s="87"/>
      <c r="W4" s="87"/>
      <c r="X4" s="87"/>
      <c r="Y4" s="87"/>
      <c r="Z4" s="87"/>
      <c r="AA4" s="87"/>
      <c r="AB4" s="87"/>
      <c r="AC4" s="87"/>
      <c r="AD4" s="87"/>
      <c r="AE4" s="87"/>
      <c r="AF4" s="87"/>
      <c r="AG4" s="87"/>
      <c r="AH4" s="87"/>
      <c r="AI4" s="87"/>
      <c r="AJ4" s="87"/>
      <c r="AK4" s="53"/>
      <c r="AL4" s="53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53"/>
      <c r="BK4" s="53"/>
      <c r="BL4" s="53"/>
      <c r="BN4" s="53"/>
      <c r="BO4" s="53"/>
      <c r="BP4" s="53"/>
      <c r="BQ4" s="53"/>
      <c r="BR4" s="53"/>
      <c r="BS4" s="53"/>
      <c r="BT4" s="53"/>
      <c r="BU4" s="53"/>
      <c r="BV4" s="53"/>
    </row>
    <row r="5" spans="1:74" ht="14.25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14.25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14.25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88"/>
      <c r="Y7" s="88"/>
      <c r="Z7" s="88"/>
      <c r="AA7" s="88"/>
      <c r="AB7" s="88"/>
      <c r="AC7" s="88"/>
      <c r="AD7" s="1" t="s">
        <v>28</v>
      </c>
      <c r="AE7" s="87"/>
      <c r="AF7" s="87"/>
      <c r="AG7" s="1" t="s">
        <v>27</v>
      </c>
      <c r="AH7" s="87"/>
      <c r="AI7" s="87"/>
      <c r="AJ7" s="1" t="s">
        <v>26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14.25" customHeight="1" x14ac:dyDescent="0.4">
      <c r="B8" s="86"/>
      <c r="C8" s="86"/>
      <c r="D8" s="86"/>
      <c r="E8" s="86"/>
      <c r="F8" s="86"/>
      <c r="G8" s="86"/>
      <c r="H8" s="47" t="s">
        <v>25</v>
      </c>
      <c r="I8" s="47"/>
      <c r="J8" s="47"/>
      <c r="K8" s="47"/>
      <c r="L8" s="47"/>
      <c r="M8" s="47"/>
      <c r="N8" s="47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1"/>
      <c r="B9" s="86"/>
      <c r="C9" s="86"/>
      <c r="D9" s="86"/>
      <c r="E9" s="86"/>
      <c r="F9" s="86"/>
      <c r="G9" s="86"/>
      <c r="H9" s="47"/>
      <c r="I9" s="47"/>
      <c r="J9" s="47"/>
      <c r="K9" s="47"/>
      <c r="L9" s="47"/>
      <c r="M9" s="47"/>
      <c r="N9" s="47"/>
      <c r="S9" s="84" t="s">
        <v>17</v>
      </c>
      <c r="T9" s="84"/>
      <c r="U9" s="84"/>
      <c r="V9" s="84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84"/>
      <c r="T10" s="84"/>
      <c r="U10" s="84"/>
      <c r="V10" s="84"/>
      <c r="W10" s="83"/>
      <c r="X10" s="83"/>
      <c r="Y10" s="83"/>
      <c r="Z10" s="83"/>
      <c r="AA10" s="83"/>
      <c r="AB10" s="83"/>
      <c r="AC10" s="83"/>
      <c r="AD10" s="83"/>
      <c r="AE10" s="83"/>
      <c r="AF10" s="83"/>
      <c r="AG10" s="83"/>
      <c r="AH10" s="83"/>
      <c r="AI10" s="83"/>
      <c r="AJ10" s="83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85" t="s">
        <v>24</v>
      </c>
      <c r="S11" s="84" t="s">
        <v>18</v>
      </c>
      <c r="T11" s="84"/>
      <c r="U11" s="84"/>
      <c r="V11" s="84"/>
      <c r="W11" s="83"/>
      <c r="X11" s="83"/>
      <c r="Y11" s="83"/>
      <c r="Z11" s="83"/>
      <c r="AA11" s="83"/>
      <c r="AB11" s="83"/>
      <c r="AC11" s="83"/>
      <c r="AD11" s="83"/>
      <c r="AE11" s="83"/>
      <c r="AF11" s="83"/>
      <c r="AG11" s="83"/>
      <c r="AH11" s="83"/>
      <c r="AI11" s="83"/>
      <c r="AJ11" s="83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O12" s="85"/>
      <c r="S12" s="84"/>
      <c r="T12" s="84"/>
      <c r="U12" s="84"/>
      <c r="V12" s="84"/>
      <c r="W12" s="83"/>
      <c r="X12" s="83"/>
      <c r="Y12" s="83"/>
      <c r="Z12" s="83"/>
      <c r="AA12" s="83"/>
      <c r="AB12" s="83"/>
      <c r="AC12" s="83"/>
      <c r="AD12" s="83"/>
      <c r="AE12" s="83"/>
      <c r="AF12" s="83"/>
      <c r="AG12" s="83"/>
      <c r="AH12" s="83"/>
      <c r="AI12" s="83"/>
      <c r="AJ12" s="83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14.25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84" t="s">
        <v>23</v>
      </c>
      <c r="T13" s="84"/>
      <c r="U13" s="84"/>
      <c r="V13" s="84"/>
      <c r="W13" s="84"/>
      <c r="X13" s="84"/>
      <c r="Y13" s="84"/>
      <c r="Z13" s="83"/>
      <c r="AA13" s="83"/>
      <c r="AB13" s="83"/>
      <c r="AC13" s="83"/>
      <c r="AD13" s="83"/>
      <c r="AE13" s="83"/>
      <c r="AF13" s="83"/>
      <c r="AG13" s="83"/>
      <c r="AH13" s="83"/>
      <c r="AI13" s="83"/>
      <c r="AJ13" s="83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14.25" customHeight="1" x14ac:dyDescent="0.4">
      <c r="S14" s="84"/>
      <c r="T14" s="84"/>
      <c r="U14" s="84"/>
      <c r="V14" s="84"/>
      <c r="W14" s="84"/>
      <c r="X14" s="84"/>
      <c r="Y14" s="84"/>
      <c r="Z14" s="83"/>
      <c r="AA14" s="83"/>
      <c r="AB14" s="83"/>
      <c r="AC14" s="83"/>
      <c r="AD14" s="83"/>
      <c r="AE14" s="83"/>
      <c r="AF14" s="83"/>
      <c r="AG14" s="83"/>
      <c r="AH14" s="83"/>
      <c r="AI14" s="83"/>
      <c r="AJ14" s="83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14.25" customHeight="1" x14ac:dyDescent="0.4">
      <c r="E15" s="1" t="s">
        <v>22</v>
      </c>
      <c r="S15" s="82"/>
      <c r="T15" s="82"/>
      <c r="U15" s="82"/>
      <c r="V15" s="82"/>
      <c r="W15" s="82"/>
      <c r="X15" s="82"/>
      <c r="Y15" s="82"/>
      <c r="Z15" s="81"/>
      <c r="AA15" s="81"/>
      <c r="AB15" s="81"/>
      <c r="AC15" s="81"/>
      <c r="AD15" s="81"/>
      <c r="AE15" s="81"/>
      <c r="AF15" s="81"/>
      <c r="AG15" s="81"/>
      <c r="AH15" s="81"/>
      <c r="AI15" s="81"/>
      <c r="AJ15" s="81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14.25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18" customHeight="1" x14ac:dyDescent="0.4">
      <c r="A17" s="3"/>
      <c r="I17" s="53"/>
      <c r="J17" s="53"/>
      <c r="K17" s="53"/>
      <c r="L17" s="53"/>
      <c r="M17" s="53"/>
      <c r="N17" s="53"/>
      <c r="O17" s="53"/>
      <c r="P17" s="53"/>
      <c r="Q17" s="53"/>
      <c r="R17" s="53"/>
      <c r="S17" s="53"/>
      <c r="T17" s="75" t="s">
        <v>21</v>
      </c>
      <c r="U17" s="74"/>
      <c r="V17" s="74"/>
      <c r="W17" s="74"/>
      <c r="X17" s="74"/>
      <c r="Y17" s="74"/>
      <c r="Z17" s="73"/>
      <c r="AA17" s="80"/>
      <c r="AB17" s="78"/>
      <c r="AC17" s="71"/>
      <c r="AD17" s="79"/>
      <c r="AE17" s="78"/>
      <c r="AF17" s="78"/>
      <c r="AG17" s="78"/>
      <c r="AH17" s="78"/>
      <c r="AI17" s="78"/>
      <c r="AJ17" s="77"/>
      <c r="AK17" s="53"/>
      <c r="AL17" s="53"/>
      <c r="AO17" s="7"/>
      <c r="AP17" s="7"/>
      <c r="AQ17" s="7"/>
      <c r="AR17" s="7"/>
      <c r="AS17" s="7"/>
      <c r="AT17" s="7"/>
      <c r="AU17" s="7"/>
      <c r="AV17" s="53"/>
      <c r="AW17" s="53"/>
      <c r="AX17" s="53"/>
      <c r="AY17" s="53"/>
      <c r="AZ17" s="53"/>
      <c r="BA17" s="53"/>
      <c r="BB17" s="53"/>
      <c r="BC17" s="53"/>
      <c r="BD17" s="53"/>
      <c r="BE17" s="53"/>
      <c r="BF17" s="53"/>
      <c r="BG17" s="53"/>
      <c r="BH17" s="53"/>
      <c r="BI17" s="53"/>
      <c r="BJ17" s="53"/>
      <c r="BK17" s="53"/>
      <c r="BL17" s="53"/>
      <c r="BM17" s="53"/>
      <c r="BN17" s="53"/>
      <c r="BO17" s="53"/>
      <c r="BP17" s="53"/>
      <c r="BQ17" s="53"/>
      <c r="BR17" s="53"/>
      <c r="BS17" s="53"/>
      <c r="BT17" s="53"/>
      <c r="BU17" s="53"/>
      <c r="BV17" s="53"/>
    </row>
    <row r="18" spans="1:74" s="67" customFormat="1" ht="18" customHeight="1" x14ac:dyDescent="0.4">
      <c r="A18" s="76"/>
      <c r="B18" s="76"/>
      <c r="C18" s="76"/>
      <c r="D18" s="76"/>
      <c r="E18" s="76"/>
      <c r="F18" s="76"/>
      <c r="G18" s="76"/>
      <c r="H18" s="76"/>
      <c r="I18" s="76"/>
      <c r="J18" s="76"/>
      <c r="K18" s="76"/>
      <c r="L18" s="76"/>
      <c r="M18" s="76"/>
      <c r="N18" s="76"/>
      <c r="O18" s="76"/>
      <c r="P18" s="76"/>
      <c r="Q18" s="76"/>
      <c r="R18" s="76"/>
      <c r="T18" s="75" t="s">
        <v>20</v>
      </c>
      <c r="U18" s="74"/>
      <c r="V18" s="74"/>
      <c r="W18" s="73"/>
      <c r="X18" s="72"/>
      <c r="Y18" s="71"/>
      <c r="Z18" s="71"/>
      <c r="AA18" s="71"/>
      <c r="AB18" s="71"/>
      <c r="AC18" s="71"/>
      <c r="AD18" s="71"/>
      <c r="AE18" s="71"/>
      <c r="AF18" s="71"/>
      <c r="AG18" s="71"/>
      <c r="AH18" s="70"/>
      <c r="AI18" s="70"/>
      <c r="AJ18" s="69"/>
      <c r="AL18" s="68"/>
      <c r="AM18" s="68"/>
      <c r="AN18" s="68"/>
      <c r="AO18" s="68"/>
      <c r="AP18" s="68"/>
      <c r="AQ18" s="68"/>
      <c r="AR18" s="68"/>
      <c r="AS18" s="68"/>
      <c r="AT18" s="68"/>
      <c r="AU18" s="68"/>
      <c r="AV18" s="68"/>
      <c r="AW18" s="68"/>
      <c r="AX18" s="68"/>
      <c r="AY18" s="68"/>
      <c r="AZ18" s="68"/>
      <c r="BA18" s="68"/>
      <c r="BB18" s="68"/>
      <c r="BC18" s="68"/>
      <c r="BD18" s="68"/>
      <c r="BE18" s="68"/>
      <c r="BF18" s="68"/>
      <c r="BG18" s="68"/>
      <c r="BH18" s="68"/>
      <c r="BI18" s="68"/>
      <c r="BJ18" s="68"/>
      <c r="BK18" s="68"/>
      <c r="BL18" s="68"/>
      <c r="BM18" s="68"/>
      <c r="BN18" s="68"/>
      <c r="BO18" s="68"/>
      <c r="BP18" s="68"/>
      <c r="BQ18" s="68"/>
      <c r="BR18" s="68"/>
      <c r="BS18" s="68"/>
    </row>
    <row r="19" spans="1:74" s="4" customFormat="1" ht="14.25" customHeight="1" x14ac:dyDescent="0.4">
      <c r="A19" s="31" t="s">
        <v>19</v>
      </c>
      <c r="B19" s="30"/>
      <c r="C19" s="30"/>
      <c r="D19" s="30"/>
      <c r="E19" s="30"/>
      <c r="F19" s="30"/>
      <c r="G19" s="30"/>
      <c r="H19" s="30"/>
      <c r="I19" s="30"/>
      <c r="J19" s="30"/>
      <c r="K19" s="30"/>
      <c r="L19" s="30"/>
      <c r="M19" s="30"/>
      <c r="N19" s="30"/>
      <c r="O19" s="30"/>
      <c r="P19" s="30"/>
      <c r="Q19" s="30"/>
      <c r="R19" s="30"/>
      <c r="S19" s="29"/>
      <c r="T19" s="66" t="s">
        <v>18</v>
      </c>
      <c r="U19" s="65"/>
      <c r="V19" s="64"/>
      <c r="W19" s="64"/>
      <c r="X19" s="64"/>
      <c r="Y19" s="64"/>
      <c r="Z19" s="64"/>
      <c r="AA19" s="64"/>
      <c r="AB19" s="64"/>
      <c r="AC19" s="64"/>
      <c r="AD19" s="64"/>
      <c r="AE19" s="64"/>
      <c r="AF19" s="64"/>
      <c r="AG19" s="64"/>
      <c r="AH19" s="64"/>
      <c r="AI19" s="64"/>
      <c r="AJ19" s="63"/>
      <c r="AK19" s="53"/>
      <c r="AL19" s="53"/>
      <c r="AO19" s="7"/>
      <c r="AP19" s="7"/>
      <c r="AQ19" s="7"/>
      <c r="AR19" s="7"/>
      <c r="AS19" s="7"/>
      <c r="AT19" s="7"/>
      <c r="AU19" s="7"/>
      <c r="AV19" s="53"/>
      <c r="AW19" s="53"/>
      <c r="AX19" s="53"/>
      <c r="AY19" s="53"/>
      <c r="AZ19" s="60"/>
      <c r="BA19" s="60"/>
      <c r="BB19" s="53"/>
      <c r="BC19" s="53"/>
      <c r="BD19" s="53"/>
      <c r="BE19" s="53"/>
      <c r="BF19" s="7"/>
      <c r="BG19" s="60"/>
      <c r="BH19" s="53"/>
      <c r="BJ19" s="53"/>
      <c r="BL19" s="53"/>
      <c r="BM19" s="53"/>
      <c r="BN19" s="53"/>
      <c r="BO19" s="53"/>
      <c r="BQ19" s="53"/>
      <c r="BR19" s="53"/>
      <c r="BS19" s="53"/>
      <c r="BT19" s="53"/>
      <c r="BU19" s="53"/>
      <c r="BV19" s="53"/>
    </row>
    <row r="20" spans="1:74" s="4" customFormat="1" ht="14.25" customHeight="1" x14ac:dyDescent="0.4">
      <c r="A20" s="25"/>
      <c r="B20" s="24"/>
      <c r="C20" s="24"/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3"/>
      <c r="T20" s="62"/>
      <c r="U20" s="61"/>
      <c r="V20" s="51"/>
      <c r="W20" s="51"/>
      <c r="X20" s="51"/>
      <c r="Y20" s="51"/>
      <c r="Z20" s="51"/>
      <c r="AA20" s="51"/>
      <c r="AB20" s="51"/>
      <c r="AC20" s="51"/>
      <c r="AD20" s="51"/>
      <c r="AE20" s="51"/>
      <c r="AF20" s="51"/>
      <c r="AG20" s="51"/>
      <c r="AH20" s="51"/>
      <c r="AI20" s="51"/>
      <c r="AJ20" s="50"/>
      <c r="AK20" s="53"/>
      <c r="AL20" s="53"/>
      <c r="AO20" s="7"/>
      <c r="AP20" s="7"/>
      <c r="AQ20" s="7"/>
      <c r="AR20" s="7"/>
      <c r="AS20" s="7"/>
      <c r="AT20" s="7"/>
      <c r="AU20" s="7"/>
      <c r="AV20" s="53"/>
      <c r="AW20" s="53"/>
      <c r="AX20" s="53"/>
      <c r="AY20" s="53"/>
      <c r="AZ20" s="60"/>
      <c r="BA20" s="60"/>
      <c r="BB20" s="53"/>
      <c r="BC20" s="53"/>
      <c r="BD20" s="53"/>
      <c r="BE20" s="53"/>
      <c r="BF20" s="60"/>
      <c r="BG20" s="60"/>
      <c r="BH20" s="53"/>
      <c r="BJ20" s="53"/>
      <c r="BL20" s="53"/>
      <c r="BM20" s="53"/>
      <c r="BN20" s="53"/>
      <c r="BO20" s="53"/>
      <c r="BP20" s="53"/>
      <c r="BQ20" s="53"/>
      <c r="BR20" s="53"/>
      <c r="BS20" s="53"/>
      <c r="BT20" s="53"/>
      <c r="BU20" s="53"/>
      <c r="BV20" s="53"/>
    </row>
    <row r="21" spans="1:74" s="4" customFormat="1" ht="14.25" customHeight="1" x14ac:dyDescent="0.4">
      <c r="A21" s="25"/>
      <c r="B21" s="24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3"/>
      <c r="T21" s="59" t="s">
        <v>17</v>
      </c>
      <c r="U21" s="58"/>
      <c r="V21" s="58"/>
      <c r="W21" s="58"/>
      <c r="X21" s="58"/>
      <c r="Y21" s="58"/>
      <c r="Z21" s="58"/>
      <c r="AA21" s="58"/>
      <c r="AB21" s="58"/>
      <c r="AC21" s="58"/>
      <c r="AD21" s="58"/>
      <c r="AE21" s="58"/>
      <c r="AF21" s="58"/>
      <c r="AG21" s="58"/>
      <c r="AH21" s="58"/>
      <c r="AI21" s="58"/>
      <c r="AJ21" s="57"/>
      <c r="AK21" s="53"/>
      <c r="AL21" s="53"/>
      <c r="AO21" s="7"/>
      <c r="AV21" s="53"/>
      <c r="AW21" s="53"/>
      <c r="AX21" s="53"/>
      <c r="AY21" s="53"/>
      <c r="AZ21" s="53"/>
      <c r="BA21" s="53"/>
      <c r="BB21" s="53"/>
      <c r="BC21" s="53"/>
      <c r="BD21" s="53"/>
      <c r="BE21" s="53"/>
      <c r="BF21" s="53"/>
      <c r="BG21" s="53"/>
      <c r="BH21" s="53"/>
      <c r="BI21" s="53"/>
      <c r="BJ21" s="53"/>
      <c r="BK21" s="53"/>
      <c r="BL21" s="53"/>
      <c r="BM21" s="53"/>
      <c r="BN21" s="53"/>
      <c r="BO21" s="53"/>
      <c r="BP21" s="53"/>
      <c r="BQ21" s="53"/>
      <c r="BR21" s="53"/>
      <c r="BS21" s="53"/>
      <c r="BT21" s="53"/>
      <c r="BU21" s="53"/>
      <c r="BV21" s="53"/>
    </row>
    <row r="22" spans="1:74" s="4" customFormat="1" ht="14.25" customHeight="1" x14ac:dyDescent="0.4">
      <c r="A22" s="25"/>
      <c r="B22" s="24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3"/>
      <c r="T22" s="56"/>
      <c r="U22" s="55"/>
      <c r="V22" s="55"/>
      <c r="W22" s="55"/>
      <c r="X22" s="55"/>
      <c r="Y22" s="55"/>
      <c r="Z22" s="55"/>
      <c r="AA22" s="55"/>
      <c r="AB22" s="55"/>
      <c r="AC22" s="55"/>
      <c r="AD22" s="55"/>
      <c r="AE22" s="55"/>
      <c r="AF22" s="55"/>
      <c r="AG22" s="55"/>
      <c r="AH22" s="55"/>
      <c r="AI22" s="55"/>
      <c r="AJ22" s="54"/>
      <c r="AK22" s="53"/>
      <c r="AL22" s="53"/>
      <c r="AO22" s="7"/>
      <c r="AV22" s="53"/>
      <c r="AW22" s="53"/>
      <c r="AX22" s="53"/>
      <c r="AY22" s="53"/>
      <c r="AZ22" s="53"/>
      <c r="BA22" s="53"/>
      <c r="BB22" s="53"/>
      <c r="BC22" s="53"/>
      <c r="BD22" s="53"/>
      <c r="BE22" s="53"/>
      <c r="BF22" s="53"/>
      <c r="BG22" s="53"/>
      <c r="BH22" s="53"/>
      <c r="BI22" s="53"/>
      <c r="BJ22" s="53"/>
      <c r="BK22" s="53"/>
      <c r="BL22" s="53"/>
      <c r="BM22" s="53"/>
      <c r="BN22" s="53"/>
      <c r="BO22" s="53"/>
      <c r="BP22" s="53"/>
      <c r="BQ22" s="53"/>
      <c r="BR22" s="53"/>
      <c r="BS22" s="53"/>
      <c r="BT22" s="53"/>
      <c r="BU22" s="53"/>
      <c r="BV22" s="53"/>
    </row>
    <row r="23" spans="1:74" s="4" customFormat="1" ht="14.25" customHeight="1" x14ac:dyDescent="0.4">
      <c r="A23" s="19"/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7"/>
      <c r="T23" s="52"/>
      <c r="U23" s="51"/>
      <c r="V23" s="51"/>
      <c r="W23" s="51"/>
      <c r="X23" s="51"/>
      <c r="Y23" s="51"/>
      <c r="Z23" s="51"/>
      <c r="AA23" s="51"/>
      <c r="AB23" s="51"/>
      <c r="AC23" s="51"/>
      <c r="AD23" s="51"/>
      <c r="AE23" s="51"/>
      <c r="AF23" s="51"/>
      <c r="AG23" s="51"/>
      <c r="AH23" s="51"/>
      <c r="AI23" s="51"/>
      <c r="AJ23" s="50"/>
      <c r="AO23" s="7"/>
      <c r="AP23" s="7"/>
    </row>
    <row r="24" spans="1:74" s="4" customFormat="1" ht="14.25" customHeight="1" x14ac:dyDescent="0.4">
      <c r="A24" s="31" t="s">
        <v>16</v>
      </c>
      <c r="B24" s="30"/>
      <c r="C24" s="30"/>
      <c r="D24" s="30"/>
      <c r="E24" s="30"/>
      <c r="F24" s="30"/>
      <c r="G24" s="30"/>
      <c r="H24" s="30"/>
      <c r="I24" s="30"/>
      <c r="J24" s="30"/>
      <c r="K24" s="30"/>
      <c r="L24" s="30"/>
      <c r="M24" s="30"/>
      <c r="N24" s="30"/>
      <c r="O24" s="30"/>
      <c r="P24" s="30"/>
      <c r="Q24" s="30"/>
      <c r="R24" s="30"/>
      <c r="S24" s="29"/>
      <c r="T24" s="41"/>
      <c r="U24" s="40"/>
      <c r="V24" s="40"/>
      <c r="W24" s="40"/>
      <c r="X24" s="40"/>
      <c r="Y24" s="40"/>
      <c r="Z24" s="40"/>
      <c r="AA24" s="40"/>
      <c r="AB24" s="40"/>
      <c r="AC24" s="40"/>
      <c r="AD24" s="40"/>
      <c r="AE24" s="40"/>
      <c r="AF24" s="40"/>
      <c r="AG24" s="40"/>
      <c r="AH24" s="40"/>
      <c r="AI24" s="40"/>
      <c r="AJ24" s="39"/>
      <c r="AO24" s="7"/>
      <c r="AP24" s="7"/>
    </row>
    <row r="25" spans="1:74" s="4" customFormat="1" ht="14.25" customHeight="1" x14ac:dyDescent="0.4">
      <c r="A25" s="25"/>
      <c r="B25" s="24"/>
      <c r="C25" s="24"/>
      <c r="D25" s="24"/>
      <c r="E25" s="24"/>
      <c r="F25" s="24"/>
      <c r="G25" s="24"/>
      <c r="H25" s="24"/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3"/>
      <c r="T25" s="37"/>
      <c r="U25" s="36"/>
      <c r="V25" s="36"/>
      <c r="W25" s="36"/>
      <c r="X25" s="36"/>
      <c r="Y25" s="36"/>
      <c r="Z25" s="36"/>
      <c r="AA25" s="36"/>
      <c r="AB25" s="36"/>
      <c r="AC25" s="36"/>
      <c r="AD25" s="36"/>
      <c r="AE25" s="36"/>
      <c r="AF25" s="36"/>
      <c r="AG25" s="36"/>
      <c r="AH25" s="36"/>
      <c r="AI25" s="36"/>
      <c r="AJ25" s="35"/>
      <c r="AO25" s="7"/>
      <c r="AP25" s="7"/>
    </row>
    <row r="26" spans="1:74" s="4" customFormat="1" ht="14.25" customHeight="1" x14ac:dyDescent="0.4">
      <c r="A26" s="19"/>
      <c r="B26" s="18"/>
      <c r="C26" s="18"/>
      <c r="D26" s="18"/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7"/>
      <c r="T26" s="34"/>
      <c r="U26" s="33"/>
      <c r="V26" s="33"/>
      <c r="W26" s="33"/>
      <c r="X26" s="33"/>
      <c r="Y26" s="33"/>
      <c r="Z26" s="33"/>
      <c r="AA26" s="33"/>
      <c r="AB26" s="33"/>
      <c r="AC26" s="33"/>
      <c r="AD26" s="33"/>
      <c r="AE26" s="33"/>
      <c r="AF26" s="33"/>
      <c r="AG26" s="33"/>
      <c r="AH26" s="33"/>
      <c r="AI26" s="33"/>
      <c r="AJ26" s="32"/>
      <c r="AO26" s="7"/>
      <c r="AP26" s="7"/>
    </row>
    <row r="27" spans="1:74" s="4" customFormat="1" ht="14.25" customHeight="1" x14ac:dyDescent="0.4">
      <c r="A27" s="31" t="s">
        <v>15</v>
      </c>
      <c r="B27" s="30"/>
      <c r="C27" s="30"/>
      <c r="D27" s="30"/>
      <c r="E27" s="30"/>
      <c r="F27" s="30"/>
      <c r="G27" s="30"/>
      <c r="H27" s="30"/>
      <c r="I27" s="30"/>
      <c r="J27" s="30"/>
      <c r="K27" s="30"/>
      <c r="L27" s="30"/>
      <c r="M27" s="30"/>
      <c r="N27" s="30"/>
      <c r="O27" s="30"/>
      <c r="P27" s="30"/>
      <c r="Q27" s="30"/>
      <c r="R27" s="30"/>
      <c r="S27" s="29"/>
      <c r="T27" s="28"/>
      <c r="U27" s="27"/>
      <c r="V27" s="27"/>
      <c r="W27" s="27"/>
      <c r="X27" s="27" t="s">
        <v>14</v>
      </c>
      <c r="Y27" s="27"/>
      <c r="Z27" s="27"/>
      <c r="AA27" s="27" t="s">
        <v>13</v>
      </c>
      <c r="AB27" s="27"/>
      <c r="AC27" s="27" t="s">
        <v>12</v>
      </c>
      <c r="AD27" s="27"/>
      <c r="AE27" s="27"/>
      <c r="AF27" s="49"/>
      <c r="AG27" s="49"/>
      <c r="AH27" s="49"/>
      <c r="AI27" s="49"/>
      <c r="AJ27" s="48"/>
      <c r="AO27" s="7"/>
      <c r="AP27" s="7"/>
    </row>
    <row r="28" spans="1:74" s="4" customFormat="1" ht="14.25" customHeight="1" x14ac:dyDescent="0.4">
      <c r="A28" s="25"/>
      <c r="B28" s="24"/>
      <c r="C28" s="24"/>
      <c r="D28" s="24"/>
      <c r="E28" s="24"/>
      <c r="F28" s="24"/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3"/>
      <c r="T28" s="22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47"/>
      <c r="AG28" s="47"/>
      <c r="AH28" s="47"/>
      <c r="AI28" s="47"/>
      <c r="AJ28" s="46"/>
      <c r="AO28" s="7"/>
      <c r="AP28" s="7"/>
    </row>
    <row r="29" spans="1:74" s="4" customFormat="1" ht="14.25" customHeight="1" x14ac:dyDescent="0.4">
      <c r="A29" s="19"/>
      <c r="B29" s="45"/>
      <c r="C29" s="45"/>
      <c r="D29" s="45"/>
      <c r="E29" s="45"/>
      <c r="F29" s="45"/>
      <c r="G29" s="45"/>
      <c r="H29" s="18"/>
      <c r="I29" s="18"/>
      <c r="J29" s="18"/>
      <c r="K29" s="18"/>
      <c r="L29" s="18"/>
      <c r="M29" s="18"/>
      <c r="N29" s="18"/>
      <c r="O29" s="18"/>
      <c r="P29" s="18"/>
      <c r="Q29" s="18"/>
      <c r="R29" s="18"/>
      <c r="S29" s="17"/>
      <c r="T29" s="16"/>
      <c r="U29" s="15"/>
      <c r="V29" s="15"/>
      <c r="W29" s="15"/>
      <c r="X29" s="15"/>
      <c r="Y29" s="15"/>
      <c r="Z29" s="15"/>
      <c r="AA29" s="15"/>
      <c r="AB29" s="15"/>
      <c r="AC29" s="15"/>
      <c r="AD29" s="15"/>
      <c r="AE29" s="15"/>
      <c r="AF29" s="44"/>
      <c r="AG29" s="44"/>
      <c r="AH29" s="44"/>
      <c r="AI29" s="44"/>
      <c r="AJ29" s="43"/>
      <c r="AO29" s="7"/>
      <c r="AP29" s="7"/>
    </row>
    <row r="30" spans="1:74" s="4" customFormat="1" ht="14.25" customHeight="1" x14ac:dyDescent="0.4">
      <c r="A30" s="31" t="s">
        <v>11</v>
      </c>
      <c r="B30" s="42"/>
      <c r="C30" s="42"/>
      <c r="D30" s="42"/>
      <c r="E30" s="42"/>
      <c r="F30" s="42"/>
      <c r="G30" s="42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29"/>
      <c r="T30" s="28"/>
      <c r="U30" s="27"/>
      <c r="V30" s="27"/>
      <c r="W30" s="27"/>
      <c r="X30" s="27"/>
      <c r="Y30" s="27"/>
      <c r="Z30" s="27" t="s">
        <v>4</v>
      </c>
      <c r="AA30" s="27"/>
      <c r="AB30" s="27"/>
      <c r="AC30" s="27"/>
      <c r="AD30" s="27" t="s">
        <v>3</v>
      </c>
      <c r="AE30" s="27"/>
      <c r="AF30" s="27"/>
      <c r="AG30" s="27"/>
      <c r="AH30" s="27" t="s">
        <v>10</v>
      </c>
      <c r="AI30" s="27"/>
      <c r="AJ30" s="26"/>
      <c r="AO30" s="7"/>
      <c r="AP30" s="7"/>
    </row>
    <row r="31" spans="1:74" s="4" customFormat="1" ht="14.25" customHeight="1" x14ac:dyDescent="0.4">
      <c r="A31" s="25"/>
      <c r="B31" s="24"/>
      <c r="C31" s="24"/>
      <c r="D31" s="24"/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3"/>
      <c r="T31" s="22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0"/>
      <c r="AO31" s="7"/>
      <c r="AP31" s="7"/>
    </row>
    <row r="32" spans="1:74" s="4" customFormat="1" ht="14.25" customHeight="1" x14ac:dyDescent="0.4">
      <c r="A32" s="19"/>
      <c r="B32" s="18"/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18"/>
      <c r="R32" s="18"/>
      <c r="S32" s="17"/>
      <c r="T32" s="16"/>
      <c r="U32" s="15"/>
      <c r="V32" s="15"/>
      <c r="W32" s="15"/>
      <c r="X32" s="15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5"/>
      <c r="AJ32" s="14"/>
      <c r="AO32" s="7"/>
      <c r="AP32" s="7"/>
    </row>
    <row r="33" spans="1:47" s="4" customFormat="1" ht="14.25" customHeight="1" x14ac:dyDescent="0.4">
      <c r="A33" s="25" t="s">
        <v>9</v>
      </c>
      <c r="B33" s="24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3"/>
      <c r="T33" s="41"/>
      <c r="U33" s="40"/>
      <c r="V33" s="40"/>
      <c r="W33" s="40"/>
      <c r="X33" s="40"/>
      <c r="Y33" s="40"/>
      <c r="Z33" s="40"/>
      <c r="AA33" s="40"/>
      <c r="AB33" s="40"/>
      <c r="AC33" s="40"/>
      <c r="AD33" s="40"/>
      <c r="AE33" s="40"/>
      <c r="AF33" s="40"/>
      <c r="AG33" s="40"/>
      <c r="AH33" s="40"/>
      <c r="AI33" s="40"/>
      <c r="AJ33" s="39"/>
      <c r="AO33" s="7"/>
      <c r="AP33" s="7"/>
    </row>
    <row r="34" spans="1:47" s="4" customFormat="1" ht="14.25" customHeight="1" x14ac:dyDescent="0.4">
      <c r="A34" s="25"/>
      <c r="B34" s="24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3"/>
      <c r="T34" s="37"/>
      <c r="U34" s="36"/>
      <c r="V34" s="36"/>
      <c r="W34" s="36"/>
      <c r="X34" s="36"/>
      <c r="Y34" s="36"/>
      <c r="Z34" s="36"/>
      <c r="AA34" s="36"/>
      <c r="AB34" s="36"/>
      <c r="AC34" s="36"/>
      <c r="AD34" s="36"/>
      <c r="AE34" s="36"/>
      <c r="AF34" s="36"/>
      <c r="AG34" s="36"/>
      <c r="AH34" s="36"/>
      <c r="AI34" s="36"/>
      <c r="AJ34" s="35"/>
      <c r="AO34" s="7"/>
      <c r="AP34" s="7"/>
    </row>
    <row r="35" spans="1:47" s="4" customFormat="1" ht="14.25" customHeight="1" x14ac:dyDescent="0.4">
      <c r="A35" s="25"/>
      <c r="B35" s="24"/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3"/>
      <c r="T35" s="37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36"/>
      <c r="AF35" s="36"/>
      <c r="AG35" s="36"/>
      <c r="AH35" s="36"/>
      <c r="AI35" s="36"/>
      <c r="AJ35" s="35"/>
      <c r="AO35" s="7"/>
      <c r="AP35" s="7"/>
    </row>
    <row r="36" spans="1:47" s="4" customFormat="1" ht="14.25" customHeight="1" x14ac:dyDescent="0.4">
      <c r="A36" s="25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3"/>
      <c r="T36" s="37"/>
      <c r="U36" s="36"/>
      <c r="V36" s="36"/>
      <c r="W36" s="36"/>
      <c r="X36" s="36"/>
      <c r="Y36" s="36"/>
      <c r="Z36" s="36"/>
      <c r="AA36" s="36"/>
      <c r="AB36" s="36"/>
      <c r="AC36" s="36"/>
      <c r="AD36" s="36"/>
      <c r="AE36" s="36"/>
      <c r="AF36" s="36"/>
      <c r="AG36" s="36"/>
      <c r="AH36" s="36"/>
      <c r="AI36" s="36"/>
      <c r="AJ36" s="35"/>
      <c r="AO36" s="7"/>
      <c r="AP36" s="7"/>
    </row>
    <row r="37" spans="1:47" s="4" customFormat="1" ht="14.25" customHeight="1" x14ac:dyDescent="0.4">
      <c r="A37" s="25"/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3"/>
      <c r="T37" s="37"/>
      <c r="U37" s="36"/>
      <c r="V37" s="36"/>
      <c r="W37" s="36"/>
      <c r="X37" s="36"/>
      <c r="Y37" s="36"/>
      <c r="Z37" s="36"/>
      <c r="AA37" s="36"/>
      <c r="AB37" s="36"/>
      <c r="AC37" s="36"/>
      <c r="AD37" s="36"/>
      <c r="AE37" s="36"/>
      <c r="AF37" s="36"/>
      <c r="AG37" s="36"/>
      <c r="AH37" s="36"/>
      <c r="AI37" s="36"/>
      <c r="AJ37" s="35"/>
      <c r="AO37" s="7"/>
      <c r="AP37" s="7"/>
    </row>
    <row r="38" spans="1:47" s="4" customFormat="1" ht="14.25" customHeight="1" x14ac:dyDescent="0.4">
      <c r="A38" s="25"/>
      <c r="B38" s="24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3"/>
      <c r="T38" s="37"/>
      <c r="U38" s="36"/>
      <c r="V38" s="36"/>
      <c r="W38" s="36"/>
      <c r="X38" s="36"/>
      <c r="Y38" s="36"/>
      <c r="Z38" s="36"/>
      <c r="AA38" s="36"/>
      <c r="AB38" s="36"/>
      <c r="AC38" s="36"/>
      <c r="AD38" s="36"/>
      <c r="AE38" s="36"/>
      <c r="AF38" s="36"/>
      <c r="AG38" s="36"/>
      <c r="AH38" s="36"/>
      <c r="AI38" s="36"/>
      <c r="AJ38" s="35"/>
      <c r="AO38" s="7"/>
      <c r="AP38" s="7"/>
    </row>
    <row r="39" spans="1:47" s="4" customFormat="1" ht="14.25" customHeight="1" x14ac:dyDescent="0.4">
      <c r="A39" s="19"/>
      <c r="B39" s="18"/>
      <c r="C39" s="18"/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7"/>
      <c r="T39" s="34"/>
      <c r="U39" s="33"/>
      <c r="V39" s="33"/>
      <c r="W39" s="33"/>
      <c r="X39" s="33"/>
      <c r="Y39" s="33"/>
      <c r="Z39" s="33"/>
      <c r="AA39" s="33"/>
      <c r="AB39" s="33"/>
      <c r="AC39" s="33"/>
      <c r="AD39" s="33"/>
      <c r="AE39" s="33"/>
      <c r="AF39" s="33"/>
      <c r="AG39" s="33"/>
      <c r="AH39" s="33"/>
      <c r="AI39" s="33"/>
      <c r="AJ39" s="32"/>
      <c r="AO39" s="7"/>
      <c r="AP39" s="7"/>
    </row>
    <row r="40" spans="1:47" s="4" customFormat="1" ht="14.25" customHeight="1" x14ac:dyDescent="0.4">
      <c r="A40" s="41" t="s">
        <v>8</v>
      </c>
      <c r="B40" s="30"/>
      <c r="C40" s="30"/>
      <c r="D40" s="30"/>
      <c r="E40" s="30"/>
      <c r="F40" s="30"/>
      <c r="G40" s="30"/>
      <c r="H40" s="30"/>
      <c r="I40" s="30"/>
      <c r="J40" s="30"/>
      <c r="K40" s="30"/>
      <c r="L40" s="30"/>
      <c r="M40" s="30"/>
      <c r="N40" s="30"/>
      <c r="O40" s="30"/>
      <c r="P40" s="30"/>
      <c r="Q40" s="30"/>
      <c r="R40" s="30"/>
      <c r="S40" s="29"/>
      <c r="T40" s="41"/>
      <c r="U40" s="40"/>
      <c r="V40" s="40"/>
      <c r="W40" s="40"/>
      <c r="X40" s="40"/>
      <c r="Y40" s="40"/>
      <c r="Z40" s="40"/>
      <c r="AA40" s="40"/>
      <c r="AB40" s="40"/>
      <c r="AC40" s="40"/>
      <c r="AD40" s="40"/>
      <c r="AE40" s="40"/>
      <c r="AF40" s="40"/>
      <c r="AG40" s="40"/>
      <c r="AH40" s="40"/>
      <c r="AI40" s="40"/>
      <c r="AJ40" s="39"/>
      <c r="AO40" s="7"/>
      <c r="AP40" s="7"/>
      <c r="AU40" s="38"/>
    </row>
    <row r="41" spans="1:47" s="4" customFormat="1" ht="14.25" customHeight="1" x14ac:dyDescent="0.4">
      <c r="A41" s="25"/>
      <c r="B41" s="24"/>
      <c r="C41" s="24"/>
      <c r="D41" s="2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3"/>
      <c r="T41" s="37"/>
      <c r="U41" s="36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5"/>
      <c r="AO41" s="7"/>
      <c r="AP41" s="7"/>
    </row>
    <row r="42" spans="1:47" s="4" customFormat="1" ht="14.25" customHeight="1" x14ac:dyDescent="0.4">
      <c r="A42" s="25"/>
      <c r="B42" s="24"/>
      <c r="C42" s="24"/>
      <c r="D42" s="2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24"/>
      <c r="R42" s="24"/>
      <c r="S42" s="23"/>
      <c r="T42" s="37"/>
      <c r="U42" s="36"/>
      <c r="V42" s="36"/>
      <c r="W42" s="36"/>
      <c r="X42" s="36"/>
      <c r="Y42" s="36"/>
      <c r="Z42" s="36"/>
      <c r="AA42" s="36"/>
      <c r="AB42" s="36"/>
      <c r="AC42" s="36"/>
      <c r="AD42" s="36"/>
      <c r="AE42" s="36"/>
      <c r="AF42" s="36"/>
      <c r="AG42" s="36"/>
      <c r="AH42" s="36"/>
      <c r="AI42" s="36"/>
      <c r="AJ42" s="35"/>
      <c r="AO42" s="7"/>
      <c r="AP42" s="7"/>
    </row>
    <row r="43" spans="1:47" s="4" customFormat="1" ht="14.25" customHeight="1" x14ac:dyDescent="0.4">
      <c r="A43" s="25"/>
      <c r="B43" s="24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3"/>
      <c r="T43" s="37"/>
      <c r="U43" s="36"/>
      <c r="V43" s="36"/>
      <c r="W43" s="36"/>
      <c r="X43" s="36"/>
      <c r="Y43" s="36"/>
      <c r="Z43" s="36"/>
      <c r="AA43" s="36"/>
      <c r="AB43" s="36"/>
      <c r="AC43" s="36"/>
      <c r="AD43" s="36"/>
      <c r="AE43" s="36"/>
      <c r="AF43" s="36"/>
      <c r="AG43" s="36"/>
      <c r="AH43" s="36"/>
      <c r="AI43" s="36"/>
      <c r="AJ43" s="35"/>
      <c r="AO43" s="7"/>
      <c r="AP43" s="7"/>
    </row>
    <row r="44" spans="1:47" s="4" customFormat="1" ht="14.25" customHeight="1" x14ac:dyDescent="0.4">
      <c r="A44" s="25"/>
      <c r="B44" s="24"/>
      <c r="C44" s="2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  <c r="S44" s="23"/>
      <c r="T44" s="37"/>
      <c r="U44" s="36"/>
      <c r="V44" s="36"/>
      <c r="W44" s="36"/>
      <c r="X44" s="36"/>
      <c r="Y44" s="36"/>
      <c r="Z44" s="36"/>
      <c r="AA44" s="36"/>
      <c r="AB44" s="36"/>
      <c r="AC44" s="36"/>
      <c r="AD44" s="36"/>
      <c r="AE44" s="36"/>
      <c r="AF44" s="36"/>
      <c r="AG44" s="36"/>
      <c r="AH44" s="36"/>
      <c r="AI44" s="36"/>
      <c r="AJ44" s="35"/>
      <c r="AO44" s="7"/>
      <c r="AP44" s="7"/>
    </row>
    <row r="45" spans="1:47" s="4" customFormat="1" ht="14.25" customHeight="1" x14ac:dyDescent="0.4">
      <c r="A45" s="25"/>
      <c r="B45" s="24"/>
      <c r="C45" s="2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3"/>
      <c r="T45" s="37"/>
      <c r="U45" s="36"/>
      <c r="V45" s="36"/>
      <c r="W45" s="36"/>
      <c r="X45" s="36"/>
      <c r="Y45" s="36"/>
      <c r="Z45" s="36"/>
      <c r="AA45" s="36"/>
      <c r="AB45" s="36"/>
      <c r="AC45" s="36"/>
      <c r="AD45" s="36"/>
      <c r="AE45" s="36"/>
      <c r="AF45" s="36"/>
      <c r="AG45" s="36"/>
      <c r="AH45" s="36"/>
      <c r="AI45" s="36"/>
      <c r="AJ45" s="35"/>
      <c r="AO45" s="7"/>
      <c r="AP45" s="7"/>
    </row>
    <row r="46" spans="1:47" s="4" customFormat="1" ht="14.25" customHeight="1" x14ac:dyDescent="0.4">
      <c r="A46" s="19"/>
      <c r="B46" s="18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7"/>
      <c r="T46" s="34"/>
      <c r="U46" s="33"/>
      <c r="V46" s="33"/>
      <c r="W46" s="33"/>
      <c r="X46" s="33"/>
      <c r="Y46" s="33"/>
      <c r="Z46" s="33"/>
      <c r="AA46" s="33"/>
      <c r="AB46" s="33"/>
      <c r="AC46" s="33"/>
      <c r="AD46" s="33"/>
      <c r="AE46" s="33"/>
      <c r="AF46" s="33"/>
      <c r="AG46" s="33"/>
      <c r="AH46" s="33"/>
      <c r="AI46" s="33"/>
      <c r="AJ46" s="32"/>
      <c r="AO46" s="7"/>
      <c r="AP46" s="7"/>
    </row>
    <row r="47" spans="1:47" s="4" customFormat="1" ht="14.25" customHeight="1" x14ac:dyDescent="0.4">
      <c r="A47" s="31" t="s">
        <v>7</v>
      </c>
      <c r="B47" s="30"/>
      <c r="C47" s="30"/>
      <c r="D47" s="30"/>
      <c r="E47" s="30"/>
      <c r="F47" s="30"/>
      <c r="G47" s="30"/>
      <c r="H47" s="30"/>
      <c r="I47" s="30"/>
      <c r="J47" s="30"/>
      <c r="K47" s="30"/>
      <c r="L47" s="30"/>
      <c r="M47" s="30"/>
      <c r="N47" s="30"/>
      <c r="O47" s="30"/>
      <c r="P47" s="30"/>
      <c r="Q47" s="30"/>
      <c r="R47" s="30"/>
      <c r="S47" s="29"/>
      <c r="T47" s="28" t="s">
        <v>6</v>
      </c>
      <c r="U47" s="27"/>
      <c r="V47" s="27"/>
      <c r="W47" s="27"/>
      <c r="X47" s="27"/>
      <c r="Y47" s="27" t="s">
        <v>5</v>
      </c>
      <c r="Z47" s="27"/>
      <c r="AA47" s="27"/>
      <c r="AB47" s="27"/>
      <c r="AC47" s="27" t="s">
        <v>4</v>
      </c>
      <c r="AD47" s="27"/>
      <c r="AE47" s="27"/>
      <c r="AF47" s="27" t="s">
        <v>3</v>
      </c>
      <c r="AG47" s="27"/>
      <c r="AH47" s="27"/>
      <c r="AI47" s="27" t="s">
        <v>2</v>
      </c>
      <c r="AJ47" s="26"/>
      <c r="AO47" s="7"/>
      <c r="AP47" s="7"/>
    </row>
    <row r="48" spans="1:47" s="4" customFormat="1" ht="14.25" customHeight="1" x14ac:dyDescent="0.4">
      <c r="A48" s="25"/>
      <c r="B48" s="24"/>
      <c r="C48" s="24"/>
      <c r="D48" s="24"/>
      <c r="E48" s="24"/>
      <c r="F48" s="24"/>
      <c r="G48" s="24"/>
      <c r="H48" s="24"/>
      <c r="I48" s="24"/>
      <c r="J48" s="24"/>
      <c r="K48" s="24"/>
      <c r="L48" s="24"/>
      <c r="M48" s="24"/>
      <c r="N48" s="24"/>
      <c r="O48" s="24"/>
      <c r="P48" s="24"/>
      <c r="Q48" s="24"/>
      <c r="R48" s="24"/>
      <c r="S48" s="23"/>
      <c r="T48" s="22"/>
      <c r="U48" s="21"/>
      <c r="V48" s="21"/>
      <c r="W48" s="21"/>
      <c r="X48" s="21"/>
      <c r="Y48" s="21"/>
      <c r="Z48" s="21"/>
      <c r="AA48" s="21"/>
      <c r="AB48" s="21"/>
      <c r="AC48" s="21"/>
      <c r="AD48" s="21"/>
      <c r="AE48" s="21"/>
      <c r="AF48" s="21"/>
      <c r="AG48" s="21"/>
      <c r="AH48" s="21"/>
      <c r="AI48" s="21"/>
      <c r="AJ48" s="20"/>
      <c r="AO48" s="7"/>
      <c r="AP48" s="7"/>
    </row>
    <row r="49" spans="1:74" s="4" customFormat="1" ht="14.25" customHeight="1" x14ac:dyDescent="0.4">
      <c r="A49" s="19"/>
      <c r="B49" s="18"/>
      <c r="C49" s="18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8"/>
      <c r="Q49" s="18"/>
      <c r="R49" s="18"/>
      <c r="S49" s="17"/>
      <c r="T49" s="16"/>
      <c r="U49" s="15"/>
      <c r="V49" s="15"/>
      <c r="W49" s="15"/>
      <c r="X49" s="15"/>
      <c r="Y49" s="15"/>
      <c r="Z49" s="15"/>
      <c r="AA49" s="15"/>
      <c r="AB49" s="15"/>
      <c r="AC49" s="15"/>
      <c r="AD49" s="15"/>
      <c r="AE49" s="15"/>
      <c r="AF49" s="15"/>
      <c r="AG49" s="15"/>
      <c r="AH49" s="15"/>
      <c r="AI49" s="15"/>
      <c r="AJ49" s="14"/>
      <c r="AO49" s="7"/>
      <c r="AP49" s="7"/>
    </row>
    <row r="50" spans="1:74" s="4" customFormat="1" ht="14.25" customHeight="1" x14ac:dyDescent="0.4">
      <c r="A50" s="6" t="s">
        <v>1</v>
      </c>
      <c r="B50" s="5"/>
      <c r="C50" s="5" t="s">
        <v>0</v>
      </c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13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13"/>
      <c r="AO50" s="7"/>
      <c r="AP50" s="7"/>
    </row>
    <row r="51" spans="1:74" s="4" customFormat="1" ht="14.25" customHeight="1" x14ac:dyDescent="0.4">
      <c r="A51" s="9"/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O51" s="7"/>
      <c r="AP51" s="7"/>
    </row>
    <row r="52" spans="1:74" s="4" customFormat="1" ht="14.25" customHeight="1" x14ac:dyDescent="0.4">
      <c r="A52" s="6"/>
      <c r="B52" s="5"/>
      <c r="C52" s="12"/>
      <c r="D52" s="12"/>
      <c r="E52" s="12"/>
      <c r="F52" s="12"/>
      <c r="G52" s="12"/>
      <c r="H52" s="11"/>
      <c r="I52" s="11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O52" s="7"/>
      <c r="AP52" s="7"/>
      <c r="AR52" s="3"/>
      <c r="AS52" s="3"/>
      <c r="AT52" s="3"/>
      <c r="AU52" s="3"/>
      <c r="AV52" s="3"/>
      <c r="AW52" s="3"/>
      <c r="AX52" s="3"/>
      <c r="AY52" s="3"/>
      <c r="AZ52" s="3"/>
      <c r="BA52" s="3"/>
      <c r="BB52" s="3"/>
      <c r="BC52" s="3"/>
      <c r="BD52" s="3"/>
    </row>
    <row r="53" spans="1:74" s="4" customFormat="1" ht="14.25" customHeight="1" x14ac:dyDescent="0.4">
      <c r="A53" s="6"/>
      <c r="B53" s="5"/>
      <c r="C53" s="5"/>
      <c r="D53" s="5"/>
      <c r="E53" s="5"/>
      <c r="F53" s="5"/>
      <c r="G53" s="5"/>
      <c r="H53" s="11"/>
      <c r="I53" s="11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  <c r="AO53" s="3"/>
      <c r="AP53" s="10"/>
      <c r="AQ53" s="10"/>
      <c r="AR53" s="10"/>
      <c r="AS53" s="10"/>
      <c r="AT53" s="10"/>
      <c r="AU53" s="10"/>
      <c r="AV53" s="10"/>
      <c r="AW53" s="7"/>
    </row>
    <row r="54" spans="1:74" s="4" customFormat="1" ht="14.25" customHeight="1" x14ac:dyDescent="0.4">
      <c r="A54" s="6"/>
      <c r="B54" s="9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  <c r="AP54" s="8"/>
      <c r="AQ54" s="8"/>
      <c r="AR54" s="8"/>
      <c r="AS54" s="8"/>
      <c r="AT54" s="8"/>
      <c r="AU54" s="8"/>
      <c r="AV54" s="7"/>
      <c r="AW54" s="7"/>
    </row>
    <row r="55" spans="1:74" s="4" customFormat="1" ht="14.25" customHeight="1" x14ac:dyDescent="0.4">
      <c r="A55" s="6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  <c r="AB55" s="5"/>
      <c r="AC55" s="5"/>
      <c r="AD55" s="5"/>
      <c r="AE55" s="5"/>
      <c r="AF55" s="5"/>
      <c r="AG55" s="5"/>
      <c r="AH55" s="5"/>
      <c r="AI55" s="5"/>
      <c r="AJ55" s="5"/>
    </row>
    <row r="56" spans="1:74" ht="14.25" customHeight="1" x14ac:dyDescent="0.4">
      <c r="A56" s="3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L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  <c r="BG56" s="4"/>
      <c r="BH56" s="4"/>
      <c r="BI56" s="4"/>
      <c r="BJ56" s="4"/>
      <c r="BK56" s="4"/>
      <c r="BL56" s="4"/>
      <c r="BM56" s="4"/>
      <c r="BN56" s="4"/>
      <c r="BO56" s="4"/>
      <c r="BP56" s="4"/>
      <c r="BQ56" s="4"/>
      <c r="BR56" s="4"/>
      <c r="BS56" s="4"/>
      <c r="BT56" s="4"/>
      <c r="BU56" s="4"/>
      <c r="BV56" s="4"/>
    </row>
    <row r="57" spans="1:74" ht="14.25" customHeight="1" x14ac:dyDescent="0.4">
      <c r="A57" s="3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</row>
    <row r="58" spans="1:74" ht="20.100000000000001" customHeight="1" x14ac:dyDescent="0.4">
      <c r="A58" s="3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</row>
    <row r="59" spans="1:74" ht="20.100000000000001" customHeight="1" x14ac:dyDescent="0.4">
      <c r="A59" s="3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</row>
    <row r="60" spans="1:74" ht="20.100000000000001" customHeight="1" x14ac:dyDescent="0.4">
      <c r="A60" s="3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</row>
    <row r="61" spans="1:74" ht="20.100000000000001" customHeight="1" x14ac:dyDescent="0.4">
      <c r="A61" s="3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</row>
    <row r="62" spans="1:74" ht="20.100000000000001" customHeight="1" x14ac:dyDescent="0.4">
      <c r="A62" s="3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</row>
    <row r="63" spans="1:74" ht="20.100000000000001" customHeight="1" x14ac:dyDescent="0.4">
      <c r="A63" s="3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</row>
    <row r="64" spans="1:74" ht="20.100000000000001" customHeight="1" x14ac:dyDescent="0.4">
      <c r="A64" s="3"/>
    </row>
    <row r="65" spans="1:1" ht="20.100000000000001" customHeight="1" x14ac:dyDescent="0.4">
      <c r="A65" s="3"/>
    </row>
    <row r="66" spans="1:1" ht="20.100000000000001" customHeight="1" x14ac:dyDescent="0.4">
      <c r="A66" s="3"/>
    </row>
    <row r="67" spans="1:1" ht="20.100000000000001" customHeight="1" x14ac:dyDescent="0.4">
      <c r="A67" s="3"/>
    </row>
    <row r="68" spans="1:1" ht="20.100000000000001" customHeight="1" x14ac:dyDescent="0.4">
      <c r="A68" s="3"/>
    </row>
    <row r="69" spans="1:1" ht="20.100000000000001" customHeight="1" x14ac:dyDescent="0.4">
      <c r="A69" s="3"/>
    </row>
    <row r="70" spans="1:1" ht="20.100000000000001" customHeight="1" x14ac:dyDescent="0.4">
      <c r="A70" s="3"/>
    </row>
    <row r="71" spans="1:1" ht="20.100000000000001" customHeight="1" x14ac:dyDescent="0.4">
      <c r="A71" s="3"/>
    </row>
    <row r="72" spans="1:1" ht="20.100000000000001" customHeight="1" x14ac:dyDescent="0.4">
      <c r="A72" s="3"/>
    </row>
    <row r="73" spans="1:1" ht="20.100000000000001" customHeight="1" x14ac:dyDescent="0.4">
      <c r="A73" s="3"/>
    </row>
    <row r="74" spans="1:1" ht="20.100000000000001" customHeight="1" x14ac:dyDescent="0.4">
      <c r="A74" s="3"/>
    </row>
    <row r="75" spans="1:1" ht="20.100000000000001" customHeight="1" x14ac:dyDescent="0.4">
      <c r="A75" s="3"/>
    </row>
    <row r="76" spans="1:1" ht="20.100000000000001" customHeight="1" x14ac:dyDescent="0.4">
      <c r="A76" s="3"/>
    </row>
    <row r="77" spans="1:1" ht="20.100000000000001" customHeight="1" x14ac:dyDescent="0.4">
      <c r="A77" s="3"/>
    </row>
    <row r="78" spans="1:1" ht="20.100000000000001" customHeight="1" x14ac:dyDescent="0.4">
      <c r="A78" s="3"/>
    </row>
    <row r="79" spans="1:1" ht="20.100000000000001" customHeight="1" x14ac:dyDescent="0.4">
      <c r="A79" s="3"/>
    </row>
    <row r="80" spans="1:1" ht="20.100000000000001" customHeight="1" x14ac:dyDescent="0.4">
      <c r="A80" s="3"/>
    </row>
    <row r="81" spans="1:1" ht="20.100000000000001" customHeight="1" x14ac:dyDescent="0.4">
      <c r="A81" s="3"/>
    </row>
    <row r="82" spans="1:1" ht="20.100000000000001" customHeight="1" x14ac:dyDescent="0.4">
      <c r="A82" s="3"/>
    </row>
    <row r="83" spans="1:1" ht="20.100000000000001" customHeight="1" x14ac:dyDescent="0.4">
      <c r="A83" s="3"/>
    </row>
    <row r="84" spans="1:1" ht="20.100000000000001" customHeight="1" x14ac:dyDescent="0.4">
      <c r="A84" s="3"/>
    </row>
    <row r="85" spans="1:1" ht="20.100000000000001" customHeight="1" x14ac:dyDescent="0.4">
      <c r="A85" s="3"/>
    </row>
    <row r="86" spans="1:1" ht="20.100000000000001" customHeight="1" x14ac:dyDescent="0.4">
      <c r="A86" s="3"/>
    </row>
    <row r="87" spans="1:1" ht="20.100000000000001" customHeight="1" x14ac:dyDescent="0.4">
      <c r="A87" s="3"/>
    </row>
    <row r="88" spans="1:1" ht="20.100000000000001" customHeight="1" x14ac:dyDescent="0.4">
      <c r="A88" s="3"/>
    </row>
    <row r="89" spans="1:1" ht="20.100000000000001" customHeight="1" x14ac:dyDescent="0.4">
      <c r="A89" s="3"/>
    </row>
    <row r="90" spans="1:1" ht="20.100000000000001" customHeight="1" x14ac:dyDescent="0.4">
      <c r="A90" s="3"/>
    </row>
    <row r="91" spans="1:1" ht="20.100000000000001" customHeight="1" x14ac:dyDescent="0.4">
      <c r="A91" s="3"/>
    </row>
    <row r="92" spans="1:1" ht="20.100000000000001" customHeight="1" x14ac:dyDescent="0.4">
      <c r="A92" s="3"/>
    </row>
    <row r="93" spans="1:1" ht="20.100000000000001" customHeight="1" x14ac:dyDescent="0.4">
      <c r="A93" s="3"/>
    </row>
    <row r="94" spans="1:1" ht="20.100000000000001" customHeight="1" x14ac:dyDescent="0.4">
      <c r="A94" s="3"/>
    </row>
    <row r="95" spans="1:1" ht="20.100000000000001" customHeight="1" x14ac:dyDescent="0.4">
      <c r="A95" s="3"/>
    </row>
    <row r="96" spans="1:1" ht="20.100000000000001" customHeight="1" x14ac:dyDescent="0.4">
      <c r="A96" s="3"/>
    </row>
    <row r="97" spans="1:1" ht="20.100000000000001" customHeight="1" x14ac:dyDescent="0.4">
      <c r="A97" s="3"/>
    </row>
    <row r="98" spans="1:1" ht="20.100000000000001" customHeight="1" x14ac:dyDescent="0.4">
      <c r="A98" s="3"/>
    </row>
    <row r="99" spans="1:1" ht="20.100000000000001" customHeight="1" x14ac:dyDescent="0.4">
      <c r="A99" s="3"/>
    </row>
    <row r="100" spans="1:1" ht="20.100000000000001" customHeight="1" x14ac:dyDescent="0.4">
      <c r="A100" s="3"/>
    </row>
    <row r="101" spans="1:1" ht="20.100000000000001" customHeight="1" x14ac:dyDescent="0.4">
      <c r="A101" s="3"/>
    </row>
    <row r="102" spans="1:1" ht="20.100000000000001" customHeight="1" x14ac:dyDescent="0.4">
      <c r="A102" s="3"/>
    </row>
    <row r="103" spans="1:1" ht="20.100000000000001" customHeight="1" x14ac:dyDescent="0.4">
      <c r="A103" s="3"/>
    </row>
    <row r="104" spans="1:1" ht="20.100000000000001" customHeight="1" x14ac:dyDescent="0.4">
      <c r="A104" s="3"/>
    </row>
    <row r="105" spans="1:1" ht="20.100000000000001" customHeight="1" x14ac:dyDescent="0.4">
      <c r="A105" s="3"/>
    </row>
    <row r="106" spans="1:1" ht="20.100000000000001" customHeight="1" x14ac:dyDescent="0.4">
      <c r="A106" s="3"/>
    </row>
    <row r="107" spans="1:1" ht="20.100000000000001" customHeight="1" x14ac:dyDescent="0.4">
      <c r="A107" s="3"/>
    </row>
    <row r="108" spans="1:1" ht="20.100000000000001" customHeight="1" x14ac:dyDescent="0.4">
      <c r="A108" s="3"/>
    </row>
    <row r="109" spans="1:1" ht="20.100000000000001" customHeight="1" x14ac:dyDescent="0.4">
      <c r="A109" s="3"/>
    </row>
    <row r="110" spans="1:1" ht="20.100000000000001" customHeight="1" x14ac:dyDescent="0.4">
      <c r="A110" s="3"/>
    </row>
    <row r="111" spans="1:1" ht="20.100000000000001" customHeight="1" x14ac:dyDescent="0.4">
      <c r="A111" s="3"/>
    </row>
    <row r="112" spans="1:1" ht="20.100000000000001" customHeight="1" x14ac:dyDescent="0.4">
      <c r="A112" s="3"/>
    </row>
    <row r="113" spans="1:1" ht="20.100000000000001" customHeight="1" x14ac:dyDescent="0.4">
      <c r="A113" s="3"/>
    </row>
    <row r="114" spans="1:1" ht="20.100000000000001" customHeight="1" x14ac:dyDescent="0.4">
      <c r="A114" s="3"/>
    </row>
    <row r="115" spans="1:1" ht="20.100000000000001" customHeight="1" x14ac:dyDescent="0.4">
      <c r="A115" s="3"/>
    </row>
    <row r="116" spans="1:1" ht="20.100000000000001" customHeight="1" x14ac:dyDescent="0.4">
      <c r="A116" s="3"/>
    </row>
    <row r="117" spans="1:1" ht="20.100000000000001" customHeight="1" x14ac:dyDescent="0.4">
      <c r="A117" s="3"/>
    </row>
    <row r="118" spans="1:1" ht="20.100000000000001" customHeight="1" x14ac:dyDescent="0.4">
      <c r="A118" s="3"/>
    </row>
    <row r="119" spans="1:1" ht="20.100000000000001" customHeight="1" x14ac:dyDescent="0.4">
      <c r="A119" s="3"/>
    </row>
    <row r="120" spans="1:1" ht="20.100000000000001" customHeight="1" x14ac:dyDescent="0.4">
      <c r="A120" s="3"/>
    </row>
    <row r="121" spans="1:1" ht="20.100000000000001" customHeight="1" x14ac:dyDescent="0.4">
      <c r="A121" s="3"/>
    </row>
    <row r="122" spans="1:1" ht="20.100000000000001" customHeight="1" x14ac:dyDescent="0.4">
      <c r="A122" s="3"/>
    </row>
    <row r="123" spans="1:1" ht="20.100000000000001" customHeight="1" x14ac:dyDescent="0.4">
      <c r="A123" s="3"/>
    </row>
    <row r="124" spans="1:1" ht="20.100000000000001" customHeight="1" x14ac:dyDescent="0.4">
      <c r="A124" s="3"/>
    </row>
    <row r="125" spans="1:1" ht="20.100000000000001" customHeight="1" x14ac:dyDescent="0.4">
      <c r="A125" s="3"/>
    </row>
    <row r="126" spans="1:1" ht="20.100000000000001" customHeight="1" x14ac:dyDescent="0.4">
      <c r="A126" s="3"/>
    </row>
    <row r="127" spans="1:1" ht="20.100000000000001" customHeight="1" x14ac:dyDescent="0.4">
      <c r="A127" s="3"/>
    </row>
    <row r="128" spans="1:1" ht="20.100000000000001" customHeight="1" x14ac:dyDescent="0.4">
      <c r="A128" s="3"/>
    </row>
    <row r="129" spans="1:1" ht="20.100000000000001" customHeight="1" x14ac:dyDescent="0.4">
      <c r="A129" s="3"/>
    </row>
    <row r="130" spans="1:1" ht="20.100000000000001" customHeight="1" x14ac:dyDescent="0.4">
      <c r="A130" s="3"/>
    </row>
    <row r="131" spans="1:1" ht="20.100000000000001" customHeight="1" x14ac:dyDescent="0.4">
      <c r="A131" s="3"/>
    </row>
    <row r="132" spans="1:1" ht="20.100000000000001" customHeight="1" x14ac:dyDescent="0.4">
      <c r="A132" s="3"/>
    </row>
    <row r="133" spans="1:1" ht="20.100000000000001" customHeight="1" x14ac:dyDescent="0.4">
      <c r="A133" s="3"/>
    </row>
    <row r="134" spans="1:1" ht="20.100000000000001" customHeight="1" x14ac:dyDescent="0.4">
      <c r="A134" s="3"/>
    </row>
    <row r="135" spans="1:1" ht="20.100000000000001" customHeight="1" x14ac:dyDescent="0.4">
      <c r="A135" s="3"/>
    </row>
    <row r="136" spans="1:1" ht="20.100000000000001" customHeight="1" x14ac:dyDescent="0.4">
      <c r="A136" s="3"/>
    </row>
    <row r="137" spans="1:1" ht="20.100000000000001" customHeight="1" x14ac:dyDescent="0.4">
      <c r="A137" s="3"/>
    </row>
    <row r="138" spans="1:1" ht="20.100000000000001" customHeight="1" x14ac:dyDescent="0.4">
      <c r="A138" s="3"/>
    </row>
    <row r="139" spans="1:1" ht="20.100000000000001" customHeight="1" x14ac:dyDescent="0.4">
      <c r="A139" s="3"/>
    </row>
    <row r="140" spans="1:1" ht="20.100000000000001" customHeight="1" x14ac:dyDescent="0.4">
      <c r="A140" s="3"/>
    </row>
    <row r="141" spans="1:1" ht="20.100000000000001" customHeight="1" x14ac:dyDescent="0.4">
      <c r="A141" s="3"/>
    </row>
    <row r="142" spans="1:1" ht="20.100000000000001" customHeight="1" x14ac:dyDescent="0.4">
      <c r="A142" s="3"/>
    </row>
    <row r="143" spans="1:1" ht="20.100000000000001" customHeight="1" x14ac:dyDescent="0.4">
      <c r="A143" s="3"/>
    </row>
    <row r="144" spans="1:1" ht="20.100000000000001" customHeight="1" x14ac:dyDescent="0.4">
      <c r="A144" s="3"/>
    </row>
    <row r="145" spans="1:1" ht="20.100000000000001" customHeight="1" x14ac:dyDescent="0.4">
      <c r="A145" s="3"/>
    </row>
    <row r="146" spans="1:1" ht="20.100000000000001" customHeight="1" x14ac:dyDescent="0.4">
      <c r="A146" s="3"/>
    </row>
    <row r="147" spans="1:1" ht="20.100000000000001" customHeight="1" x14ac:dyDescent="0.4">
      <c r="A147" s="3"/>
    </row>
    <row r="148" spans="1:1" ht="20.100000000000001" customHeight="1" x14ac:dyDescent="0.4">
      <c r="A148" s="3"/>
    </row>
    <row r="149" spans="1:1" ht="20.100000000000001" customHeight="1" x14ac:dyDescent="0.4">
      <c r="A149" s="3"/>
    </row>
    <row r="150" spans="1:1" ht="20.100000000000001" customHeight="1" x14ac:dyDescent="0.4">
      <c r="A150" s="3"/>
    </row>
    <row r="151" spans="1:1" ht="20.100000000000001" customHeight="1" x14ac:dyDescent="0.4">
      <c r="A151" s="3"/>
    </row>
    <row r="152" spans="1:1" ht="20.100000000000001" customHeight="1" x14ac:dyDescent="0.4">
      <c r="A152" s="3"/>
    </row>
    <row r="153" spans="1:1" ht="20.100000000000001" customHeight="1" x14ac:dyDescent="0.4">
      <c r="A153" s="3"/>
    </row>
    <row r="154" spans="1:1" ht="20.100000000000001" customHeight="1" x14ac:dyDescent="0.4">
      <c r="A154" s="3"/>
    </row>
  </sheetData>
  <mergeCells count="50">
    <mergeCell ref="W11:AJ12"/>
    <mergeCell ref="S13:Y14"/>
    <mergeCell ref="Z13:AJ14"/>
    <mergeCell ref="T17:Z17"/>
    <mergeCell ref="T18:W18"/>
    <mergeCell ref="S11:V12"/>
    <mergeCell ref="A4:AJ4"/>
    <mergeCell ref="X7:AC7"/>
    <mergeCell ref="AE7:AF7"/>
    <mergeCell ref="AH7:AI7"/>
    <mergeCell ref="B8:G9"/>
    <mergeCell ref="H8:N9"/>
    <mergeCell ref="S9:V10"/>
    <mergeCell ref="W9:AJ10"/>
    <mergeCell ref="AH30:AH32"/>
    <mergeCell ref="AI30:AJ32"/>
    <mergeCell ref="A19:S23"/>
    <mergeCell ref="T19:U20"/>
    <mergeCell ref="V19:AJ20"/>
    <mergeCell ref="T21:V21"/>
    <mergeCell ref="W21:AJ21"/>
    <mergeCell ref="T22:AJ23"/>
    <mergeCell ref="A24:S26"/>
    <mergeCell ref="T24:AJ26"/>
    <mergeCell ref="A27:S29"/>
    <mergeCell ref="T27:W29"/>
    <mergeCell ref="X27:Z29"/>
    <mergeCell ref="AA27:AB29"/>
    <mergeCell ref="AC27:AE29"/>
    <mergeCell ref="AF27:AJ29"/>
    <mergeCell ref="A33:S39"/>
    <mergeCell ref="T33:AJ39"/>
    <mergeCell ref="A40:S46"/>
    <mergeCell ref="T40:AJ46"/>
    <mergeCell ref="A30:S32"/>
    <mergeCell ref="T30:Y32"/>
    <mergeCell ref="Z30:Z32"/>
    <mergeCell ref="AA30:AC32"/>
    <mergeCell ref="AD30:AD32"/>
    <mergeCell ref="AE30:AG32"/>
    <mergeCell ref="AF47:AF49"/>
    <mergeCell ref="AG47:AH49"/>
    <mergeCell ref="AI47:AI49"/>
    <mergeCell ref="AJ47:AJ49"/>
    <mergeCell ref="A47:S49"/>
    <mergeCell ref="T47:X49"/>
    <mergeCell ref="Y47:Y49"/>
    <mergeCell ref="Z47:AB49"/>
    <mergeCell ref="AC47:AC49"/>
    <mergeCell ref="AD47:AE49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三）</vt:lpstr>
      <vt:lpstr>'別紙様式第三号（三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02T08:36:27Z</dcterms:created>
  <dcterms:modified xsi:type="dcterms:W3CDTF">2024-04-02T08:36:48Z</dcterms:modified>
</cp:coreProperties>
</file>